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45709" w:rsidRDefault="00C51AFF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A86FAF" w:rsidRPr="00A86FAF">
        <w:rPr>
          <w:rFonts w:ascii="標楷體" w:eastAsia="標楷體" w:hAnsi="標楷體" w:hint="eastAsia"/>
          <w:color w:val="3D3D3D"/>
          <w:shd w:val="clear" w:color="auto" w:fill="FFFFFF"/>
        </w:rPr>
        <w:t>超靜音空氣壓縮機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設備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等12項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財產編號</w:t>
      </w:r>
      <w:r w:rsidR="00CE53AA" w:rsidRPr="00CE53AA">
        <w:rPr>
          <w:rFonts w:ascii="標楷體" w:eastAsia="標楷體" w:hAnsi="標楷體"/>
          <w:color w:val="3D3D3D"/>
          <w:shd w:val="clear" w:color="auto" w:fill="FFFFFF"/>
        </w:rPr>
        <w:t>110-3010112-0002-00000001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 xml:space="preserve"> ~</w:t>
      </w:r>
      <w:r w:rsidR="00A86FAF" w:rsidRPr="00A86FAF">
        <w:rPr>
          <w:rFonts w:ascii="標楷體" w:eastAsia="標楷體" w:hAnsi="標楷體"/>
          <w:color w:val="3D3D3D"/>
          <w:shd w:val="clear" w:color="auto" w:fill="FFFFFF"/>
        </w:rPr>
        <w:t>110-3100708-0076-000000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取得(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購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置)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日期10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2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年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1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月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17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日)，</w:t>
      </w:r>
      <w:r w:rsidR="00CE53AA" w:rsidRPr="00CE53AA">
        <w:rPr>
          <w:rFonts w:ascii="標楷體" w:eastAsia="標楷體" w:hAnsi="標楷體" w:hint="eastAsia"/>
          <w:color w:val="3D3D3D"/>
          <w:shd w:val="clear" w:color="auto" w:fill="FFFFFF"/>
        </w:rPr>
        <w:t>使用年限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7</w:t>
      </w:r>
      <w:r w:rsidR="00CE53AA" w:rsidRPr="00CE53AA">
        <w:rPr>
          <w:rFonts w:ascii="標楷體" w:eastAsia="標楷體" w:hAnsi="標楷體" w:hint="eastAsia"/>
          <w:color w:val="3D3D3D"/>
          <w:shd w:val="clear" w:color="auto" w:fill="FFFFFF"/>
        </w:rPr>
        <w:t>年 已使用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8</w:t>
      </w:r>
      <w:r w:rsidR="00CE53AA" w:rsidRPr="00CE53AA">
        <w:rPr>
          <w:rFonts w:ascii="標楷體" w:eastAsia="標楷體" w:hAnsi="標楷體" w:hint="eastAsia"/>
          <w:color w:val="3D3D3D"/>
          <w:shd w:val="clear" w:color="auto" w:fill="FFFFFF"/>
        </w:rPr>
        <w:t>年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8個月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操作</w:t>
      </w:r>
      <w:r w:rsidR="008367E0">
        <w:rPr>
          <w:rFonts w:ascii="標楷體" w:eastAsia="標楷體" w:hAnsi="標楷體" w:hint="eastAsia"/>
          <w:color w:val="3D3D3D"/>
          <w:shd w:val="clear" w:color="auto" w:fill="FFFFFF"/>
        </w:rPr>
        <w:t>功能不佳，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有需求單位請於1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1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1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A86FAF">
        <w:rPr>
          <w:rFonts w:ascii="標楷體" w:eastAsia="標楷體" w:hAnsi="標楷體" w:hint="eastAsia"/>
          <w:color w:val="3D3D3D"/>
          <w:shd w:val="clear" w:color="auto" w:fill="FFFFFF"/>
        </w:rPr>
        <w:t>2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星期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一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</w:t>
      </w:r>
      <w:r w:rsidR="00EC2A98">
        <w:rPr>
          <w:rStyle w:val="apple-converted-space"/>
          <w:rFonts w:ascii="標楷體" w:eastAsia="標楷體" w:hAnsi="標楷體" w:hint="eastAsia"/>
          <w:color w:val="3D3D3D"/>
          <w:shd w:val="clear" w:color="auto" w:fill="FFFFFF"/>
        </w:rPr>
        <w:t> 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前，電洽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物理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組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副研究員黃宏承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分機：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7579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4B65D5" w:rsidRDefault="004B65D5">
      <w:pPr>
        <w:rPr>
          <w:rFonts w:ascii="標楷體" w:eastAsia="標楷體" w:hAnsi="標楷體"/>
          <w:color w:val="3D3D3D"/>
          <w:shd w:val="clear" w:color="auto" w:fill="FFFFFF"/>
        </w:rPr>
      </w:pPr>
    </w:p>
    <w:tbl>
      <w:tblPr>
        <w:tblW w:w="0" w:type="auto"/>
        <w:tblInd w:w="240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201"/>
        <w:gridCol w:w="4081"/>
      </w:tblGrid>
      <w:tr w:rsidR="00A86FAF" w:rsidTr="00A86FAF">
        <w:trPr>
          <w:trHeight w:val="1229"/>
        </w:trPr>
        <w:tc>
          <w:tcPr>
            <w:tcW w:w="4201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86FAF" w:rsidRDefault="00C925ED" w:rsidP="00614F6A">
            <w:pPr>
              <w:rPr>
                <w:rFonts w:ascii="標楷體" w:eastAsia="標楷體" w:hAnsi="標楷體"/>
                <w:color w:val="1F497D"/>
              </w:rPr>
            </w:pPr>
            <w:r>
              <w:rPr>
                <w:rFonts w:ascii="標楷體" w:eastAsia="標楷體" w:hAnsi="標楷體" w:hint="eastAsia"/>
                <w:color w:val="376092"/>
              </w:rPr>
              <w:t>1.</w:t>
            </w:r>
            <w:r w:rsidR="00A86FAF">
              <w:rPr>
                <w:rFonts w:ascii="標楷體" w:eastAsia="標楷體" w:hAnsi="標楷體" w:hint="eastAsia"/>
                <w:color w:val="376092"/>
              </w:rPr>
              <w:t>110-3</w:t>
            </w:r>
            <w:r w:rsidR="00A86FAF">
              <w:rPr>
                <w:rFonts w:ascii="標楷體" w:eastAsia="標楷體" w:hAnsi="標楷體" w:hint="eastAsia"/>
                <w:color w:val="1F497D"/>
              </w:rPr>
              <w:t>010305-0019-0000005</w:t>
            </w:r>
          </w:p>
          <w:p w:rsidR="00A86FAF" w:rsidRDefault="00A86FAF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1F497D"/>
              </w:rPr>
              <w:t>空氣壓縮機/超靜音空氣壓縮機</w:t>
            </w:r>
          </w:p>
          <w:p w:rsidR="00A86FAF" w:rsidRDefault="00A86FAF" w:rsidP="00A86FAF">
            <w:pPr>
              <w:rPr>
                <w:rFonts w:ascii="標楷體" w:eastAsia="標楷體" w:hAnsi="標楷體"/>
              </w:rPr>
            </w:pPr>
          </w:p>
        </w:tc>
        <w:tc>
          <w:tcPr>
            <w:tcW w:w="408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86FAF" w:rsidRDefault="00A86FAF" w:rsidP="00614F6A">
            <w:pPr>
              <w:rPr>
                <w:color w:val="1F497D"/>
              </w:rPr>
            </w:pPr>
            <w:r>
              <w:rPr>
                <w:noProof/>
                <w:color w:val="1F497D"/>
              </w:rPr>
              <w:drawing>
                <wp:inline distT="0" distB="0" distL="0" distR="0" wp14:anchorId="5F42C153" wp14:editId="1EFF8231">
                  <wp:extent cx="2432649" cy="1824547"/>
                  <wp:effectExtent l="0" t="0" r="6350" b="4445"/>
                  <wp:docPr id="1" name="圖片 1" descr="C:\Users\i0882\AppData\Local\Microsoft\Windows\Temporary Internet Files\Content.Outlook\X2M0C4MI\IMG_20210923_09383521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0882\AppData\Local\Microsoft\Windows\Temporary Internet Files\Content.Outlook\X2M0C4MI\IMG_20210923_09383521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38881" cy="182922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A86FAF" w:rsidRDefault="00A86FAF" w:rsidP="00614F6A">
            <w:pPr>
              <w:rPr>
                <w:color w:val="1F497D"/>
              </w:rPr>
            </w:pPr>
          </w:p>
        </w:tc>
      </w:tr>
      <w:tr w:rsidR="00A86FAF" w:rsidTr="00A86FAF">
        <w:trPr>
          <w:trHeight w:val="1229"/>
        </w:trPr>
        <w:tc>
          <w:tcPr>
            <w:tcW w:w="4201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86FAF" w:rsidRPr="00A86FAF" w:rsidRDefault="00C925ED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t>2.</w:t>
            </w:r>
            <w:r w:rsidR="00A86FAF">
              <w:rPr>
                <w:rFonts w:ascii="標楷體" w:eastAsia="標楷體" w:hAnsi="標楷體" w:hint="eastAsia"/>
                <w:color w:val="376092"/>
              </w:rPr>
              <w:t>110-3</w:t>
            </w:r>
            <w:r w:rsidR="00A86FAF" w:rsidRPr="00A86FAF">
              <w:rPr>
                <w:rFonts w:ascii="標楷體" w:eastAsia="標楷體" w:hAnsi="標楷體" w:hint="eastAsia"/>
                <w:color w:val="376092"/>
              </w:rPr>
              <w:t>012603-0008-0000004</w:t>
            </w:r>
          </w:p>
          <w:p w:rsidR="00A86FAF" w:rsidRPr="002A406D" w:rsidRDefault="00A86FAF" w:rsidP="00614F6A">
            <w:pPr>
              <w:rPr>
                <w:rFonts w:ascii="標楷體" w:eastAsia="標楷體" w:hAnsi="標楷體"/>
                <w:color w:val="376092"/>
              </w:rPr>
            </w:pPr>
            <w:proofErr w:type="gramStart"/>
            <w:r w:rsidRPr="002A406D">
              <w:rPr>
                <w:rFonts w:ascii="標楷體" w:eastAsia="標楷體" w:hAnsi="標楷體" w:hint="eastAsia"/>
                <w:color w:val="376092"/>
              </w:rPr>
              <w:t>旋轉盤機</w:t>
            </w:r>
            <w:proofErr w:type="gramEnd"/>
            <w:r w:rsidRPr="002A406D">
              <w:rPr>
                <w:rFonts w:ascii="標楷體" w:eastAsia="標楷體" w:hAnsi="標楷體" w:hint="eastAsia"/>
                <w:color w:val="376092"/>
              </w:rPr>
              <w:t>/精密型電控</w:t>
            </w:r>
          </w:p>
          <w:p w:rsidR="00A86FAF" w:rsidRDefault="00A86FAF" w:rsidP="00614F6A">
            <w:pPr>
              <w:rPr>
                <w:rFonts w:ascii="標楷體" w:eastAsia="標楷體" w:hAnsi="標楷體"/>
                <w:color w:val="376092"/>
              </w:rPr>
            </w:pPr>
            <w:r w:rsidRPr="002A406D">
              <w:rPr>
                <w:rFonts w:ascii="標楷體" w:eastAsia="標楷體" w:hAnsi="標楷體" w:hint="eastAsia"/>
                <w:color w:val="376092"/>
              </w:rPr>
              <w:t>旋轉台</w:t>
            </w:r>
          </w:p>
        </w:tc>
        <w:tc>
          <w:tcPr>
            <w:tcW w:w="408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86FAF" w:rsidRPr="00A86FAF" w:rsidRDefault="00A86FAF" w:rsidP="00614F6A">
            <w:pPr>
              <w:rPr>
                <w:noProof/>
                <w:color w:val="1F497D"/>
              </w:rPr>
            </w:pPr>
            <w:r w:rsidRPr="00A86FAF">
              <w:rPr>
                <w:noProof/>
                <w:color w:val="1F497D"/>
              </w:rPr>
              <w:drawing>
                <wp:inline distT="0" distB="0" distL="0" distR="0" wp14:anchorId="0AAEB6B0" wp14:editId="6BA340FF">
                  <wp:extent cx="2432649" cy="1824548"/>
                  <wp:effectExtent l="0" t="0" r="6350" b="4445"/>
                  <wp:docPr id="2" name="圖片 2" descr="C:\Users\i0882\AppData\Local\Microsoft\Windows\Temporary Internet Files\Content.Outlook\X2M0C4MI\IMG_20210923_09385868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C:\Users\i0882\AppData\Local\Microsoft\Windows\Temporary Internet Files\Content.Outlook\X2M0C4MI\IMG_20210923_09385868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33250" cy="182499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A86FAF" w:rsidRPr="00A86FAF" w:rsidRDefault="00A86FAF" w:rsidP="00614F6A">
            <w:pPr>
              <w:rPr>
                <w:noProof/>
                <w:color w:val="1F497D"/>
              </w:rPr>
            </w:pPr>
          </w:p>
        </w:tc>
      </w:tr>
      <w:tr w:rsidR="00A86FAF" w:rsidTr="00A86FAF">
        <w:trPr>
          <w:trHeight w:val="1229"/>
        </w:trPr>
        <w:tc>
          <w:tcPr>
            <w:tcW w:w="4201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86FAF" w:rsidRPr="00A86FAF" w:rsidRDefault="00C925ED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t>3.</w:t>
            </w:r>
            <w:r w:rsidR="00A86FAF">
              <w:rPr>
                <w:rFonts w:ascii="標楷體" w:eastAsia="標楷體" w:hAnsi="標楷體" w:hint="eastAsia"/>
                <w:color w:val="376092"/>
              </w:rPr>
              <w:t>110-3</w:t>
            </w:r>
            <w:r w:rsidR="00A86FAF" w:rsidRPr="00A86FAF">
              <w:rPr>
                <w:rFonts w:ascii="標楷體" w:eastAsia="標楷體" w:hAnsi="標楷體" w:hint="eastAsia"/>
                <w:color w:val="376092"/>
              </w:rPr>
              <w:t>012603-0008-0000006</w:t>
            </w:r>
          </w:p>
          <w:p w:rsidR="00A86FAF" w:rsidRDefault="00A86FAF" w:rsidP="00614F6A">
            <w:pPr>
              <w:rPr>
                <w:rFonts w:ascii="標楷體" w:eastAsia="標楷體" w:hAnsi="標楷體"/>
                <w:color w:val="376092"/>
              </w:rPr>
            </w:pPr>
            <w:proofErr w:type="gramStart"/>
            <w:r w:rsidRPr="002A406D">
              <w:rPr>
                <w:rFonts w:ascii="標楷體" w:eastAsia="標楷體" w:hAnsi="標楷體" w:hint="eastAsia"/>
                <w:color w:val="376092"/>
              </w:rPr>
              <w:t>旋轉盤機</w:t>
            </w:r>
            <w:proofErr w:type="gramEnd"/>
            <w:r w:rsidRPr="002A406D">
              <w:rPr>
                <w:rFonts w:ascii="標楷體" w:eastAsia="標楷體" w:hAnsi="標楷體" w:hint="eastAsia"/>
                <w:color w:val="376092"/>
              </w:rPr>
              <w:t>/電控旋轉台</w:t>
            </w:r>
          </w:p>
        </w:tc>
        <w:tc>
          <w:tcPr>
            <w:tcW w:w="408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86FAF" w:rsidRPr="00A86FAF" w:rsidRDefault="00A86FAF" w:rsidP="00614F6A">
            <w:pPr>
              <w:rPr>
                <w:noProof/>
                <w:color w:val="1F497D"/>
              </w:rPr>
            </w:pPr>
            <w:r w:rsidRPr="00A86FAF">
              <w:rPr>
                <w:noProof/>
                <w:color w:val="1F497D"/>
              </w:rPr>
              <w:drawing>
                <wp:inline distT="0" distB="0" distL="0" distR="0" wp14:anchorId="34452F0E" wp14:editId="5D2B0420">
                  <wp:extent cx="2438321" cy="1828800"/>
                  <wp:effectExtent l="0" t="0" r="635" b="0"/>
                  <wp:docPr id="3" name="圖片 3" descr="C:\Users\i0882\AppData\Local\Microsoft\Windows\Temporary Internet Files\Content.Outlook\X2M0C4MI\IMG_20210923_093957515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i0882\AppData\Local\Microsoft\Windows\Temporary Internet Files\Content.Outlook\X2M0C4MI\IMG_20210923_093957515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38181" cy="182869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A86FAF" w:rsidRPr="00A86FAF" w:rsidRDefault="00A86FAF" w:rsidP="00614F6A">
            <w:pPr>
              <w:rPr>
                <w:noProof/>
                <w:color w:val="1F497D"/>
              </w:rPr>
            </w:pPr>
          </w:p>
        </w:tc>
      </w:tr>
    </w:tbl>
    <w:p w:rsidR="00A86FAF" w:rsidRDefault="00A86FAF"/>
    <w:p w:rsidR="00A86FAF" w:rsidRDefault="00A86FAF">
      <w:pPr>
        <w:widowControl/>
      </w:pPr>
      <w:r>
        <w:br w:type="page"/>
      </w:r>
    </w:p>
    <w:tbl>
      <w:tblPr>
        <w:tblW w:w="0" w:type="auto"/>
        <w:tblInd w:w="240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181"/>
        <w:gridCol w:w="4101"/>
      </w:tblGrid>
      <w:tr w:rsidR="00A86FAF" w:rsidTr="00882666">
        <w:trPr>
          <w:trHeight w:val="834"/>
        </w:trPr>
        <w:tc>
          <w:tcPr>
            <w:tcW w:w="4181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A86FAF" w:rsidRDefault="00C925ED" w:rsidP="00614F6A">
            <w:pPr>
              <w:rPr>
                <w:rFonts w:ascii="標楷體" w:eastAsia="標楷體" w:hAnsi="標楷體"/>
                <w:color w:val="1F497D"/>
              </w:rPr>
            </w:pPr>
            <w:r>
              <w:rPr>
                <w:rFonts w:ascii="標楷體" w:eastAsia="標楷體" w:hAnsi="標楷體" w:hint="eastAsia"/>
                <w:color w:val="376092"/>
              </w:rPr>
              <w:lastRenderedPageBreak/>
              <w:t>4.</w:t>
            </w:r>
            <w:r w:rsidR="00A86FAF">
              <w:rPr>
                <w:rFonts w:ascii="標楷體" w:eastAsia="標楷體" w:hAnsi="標楷體" w:hint="eastAsia"/>
                <w:color w:val="376092"/>
              </w:rPr>
              <w:t>110-3</w:t>
            </w:r>
            <w:r w:rsidR="00A86FAF">
              <w:rPr>
                <w:rFonts w:ascii="標楷體" w:eastAsia="標楷體" w:hAnsi="標楷體" w:hint="eastAsia"/>
                <w:color w:val="1F497D"/>
              </w:rPr>
              <w:t>012603-0008-0000007</w:t>
            </w:r>
          </w:p>
          <w:p w:rsidR="00A86FAF" w:rsidRPr="002A406D" w:rsidRDefault="00A86FAF" w:rsidP="00614F6A">
            <w:pPr>
              <w:rPr>
                <w:rFonts w:ascii="標楷體" w:eastAsia="標楷體" w:hAnsi="標楷體"/>
                <w:color w:val="376092"/>
              </w:rPr>
            </w:pPr>
            <w:proofErr w:type="gramStart"/>
            <w:r w:rsidRPr="002A406D">
              <w:rPr>
                <w:rFonts w:ascii="標楷體" w:eastAsia="標楷體" w:hAnsi="標楷體" w:hint="eastAsia"/>
                <w:color w:val="376092"/>
              </w:rPr>
              <w:t>旋轉盤機</w:t>
            </w:r>
            <w:proofErr w:type="gramEnd"/>
            <w:r w:rsidRPr="002A406D">
              <w:rPr>
                <w:rFonts w:ascii="標楷體" w:eastAsia="標楷體" w:hAnsi="標楷體" w:hint="eastAsia"/>
                <w:color w:val="376092"/>
              </w:rPr>
              <w:t>/精密型電控</w:t>
            </w:r>
          </w:p>
          <w:p w:rsidR="00A86FAF" w:rsidRDefault="00A86FAF" w:rsidP="00614F6A">
            <w:pPr>
              <w:rPr>
                <w:rFonts w:ascii="標楷體" w:eastAsia="標楷體" w:hAnsi="標楷體"/>
                <w:color w:val="376092"/>
              </w:rPr>
            </w:pPr>
            <w:r w:rsidRPr="002A406D">
              <w:rPr>
                <w:rFonts w:ascii="標楷體" w:eastAsia="標楷體" w:hAnsi="標楷體" w:hint="eastAsia"/>
                <w:color w:val="376092"/>
              </w:rPr>
              <w:t>旋轉</w:t>
            </w:r>
            <w:proofErr w:type="gramStart"/>
            <w:r w:rsidRPr="002A406D">
              <w:rPr>
                <w:rFonts w:ascii="標楷體" w:eastAsia="標楷體" w:hAnsi="標楷體" w:hint="eastAsia"/>
                <w:color w:val="376092"/>
              </w:rPr>
              <w:t>台含架</w:t>
            </w:r>
            <w:proofErr w:type="gramEnd"/>
          </w:p>
        </w:tc>
        <w:tc>
          <w:tcPr>
            <w:tcW w:w="41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86FAF" w:rsidRPr="002F5368" w:rsidRDefault="00A86FAF" w:rsidP="00614F6A">
            <w:pPr>
              <w:rPr>
                <w:rFonts w:ascii="標楷體" w:eastAsia="標楷體" w:hAnsi="標楷體"/>
                <w:color w:val="1F497D"/>
              </w:rPr>
            </w:pPr>
            <w:r>
              <w:rPr>
                <w:rFonts w:ascii="標楷體" w:eastAsia="標楷體" w:hAnsi="標楷體"/>
                <w:noProof/>
                <w:color w:val="1F497D"/>
              </w:rPr>
              <w:drawing>
                <wp:inline distT="0" distB="0" distL="0" distR="0" wp14:anchorId="3387DB88" wp14:editId="7DFDC60C">
                  <wp:extent cx="2444073" cy="1833086"/>
                  <wp:effectExtent l="0" t="0" r="0" b="0"/>
                  <wp:docPr id="4" name="圖片 4" descr="C:\Users\i0882\AppData\Local\Microsoft\Windows\Temporary Internet Files\Content.Outlook\X2M0C4MI\IMG_20210923_094018096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i0882\AppData\Local\Microsoft\Windows\Temporary Internet Files\Content.Outlook\X2M0C4MI\IMG_20210923_094018096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46830" cy="183515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A86FAF" w:rsidRDefault="00A86FAF" w:rsidP="00614F6A">
            <w:pPr>
              <w:rPr>
                <w:rFonts w:ascii="標楷體" w:eastAsia="標楷體" w:hAnsi="標楷體"/>
                <w:color w:val="1F497D"/>
              </w:rPr>
            </w:pPr>
            <w:r>
              <w:rPr>
                <w:rFonts w:ascii="標楷體" w:eastAsia="標楷體" w:hAnsi="標楷體"/>
                <w:noProof/>
                <w:color w:val="1F497D"/>
              </w:rPr>
              <w:drawing>
                <wp:inline distT="0" distB="0" distL="0" distR="0" wp14:anchorId="0BA3ABCE" wp14:editId="2102B19D">
                  <wp:extent cx="2467061" cy="1850357"/>
                  <wp:effectExtent l="0" t="0" r="0" b="0"/>
                  <wp:docPr id="10" name="圖片 10" descr="C:\Users\i0882\AppData\Local\Microsoft\Windows\Temporary Internet Files\Content.Outlook\X2M0C4MI\IMG_20210923_151354799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0" descr="C:\Users\i0882\AppData\Local\Microsoft\Windows\Temporary Internet Files\Content.Outlook\X2M0C4MI\IMG_20210923_151354799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68653" cy="185155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A86FAF" w:rsidRDefault="00A86FAF" w:rsidP="00614F6A">
            <w:pPr>
              <w:rPr>
                <w:rFonts w:ascii="標楷體" w:eastAsia="標楷體" w:hAnsi="標楷體"/>
                <w:color w:val="1F497D"/>
              </w:rPr>
            </w:pPr>
          </w:p>
        </w:tc>
      </w:tr>
      <w:tr w:rsidR="00882666" w:rsidTr="00882666">
        <w:trPr>
          <w:trHeight w:val="834"/>
        </w:trPr>
        <w:tc>
          <w:tcPr>
            <w:tcW w:w="4181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882666" w:rsidRPr="00882666" w:rsidRDefault="00C925ED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t>5.</w:t>
            </w:r>
            <w:r w:rsidR="00882666">
              <w:rPr>
                <w:rFonts w:ascii="標楷體" w:eastAsia="標楷體" w:hAnsi="標楷體" w:hint="eastAsia"/>
                <w:color w:val="376092"/>
              </w:rPr>
              <w:t>110-3</w:t>
            </w:r>
            <w:r w:rsidR="00882666" w:rsidRPr="00882666">
              <w:rPr>
                <w:rFonts w:ascii="標楷體" w:eastAsia="標楷體" w:hAnsi="標楷體" w:hint="eastAsia"/>
                <w:color w:val="376092"/>
              </w:rPr>
              <w:t>013704-0018-0000003</w:t>
            </w:r>
          </w:p>
          <w:p w:rsidR="00882666" w:rsidRPr="001C3F49" w:rsidRDefault="00882666" w:rsidP="00614F6A">
            <w:pPr>
              <w:rPr>
                <w:rFonts w:ascii="標楷體" w:eastAsia="標楷體" w:hAnsi="標楷體"/>
                <w:color w:val="376092"/>
              </w:rPr>
            </w:pPr>
            <w:r w:rsidRPr="001C3F49">
              <w:rPr>
                <w:rFonts w:ascii="標楷體" w:eastAsia="標楷體" w:hAnsi="標楷體" w:hint="eastAsia"/>
                <w:color w:val="376092"/>
              </w:rPr>
              <w:t>控制器/</w:t>
            </w:r>
            <w:proofErr w:type="gramStart"/>
            <w:r w:rsidRPr="001C3F49">
              <w:rPr>
                <w:rFonts w:ascii="標楷體" w:eastAsia="標楷體" w:hAnsi="標楷體" w:hint="eastAsia"/>
                <w:color w:val="376092"/>
              </w:rPr>
              <w:t>雙軸步進</w:t>
            </w:r>
            <w:proofErr w:type="gramEnd"/>
            <w:r w:rsidRPr="001C3F49">
              <w:rPr>
                <w:rFonts w:ascii="標楷體" w:eastAsia="標楷體" w:hAnsi="標楷體" w:hint="eastAsia"/>
                <w:color w:val="376092"/>
              </w:rPr>
              <w:t>馬達</w:t>
            </w:r>
          </w:p>
          <w:p w:rsidR="00882666" w:rsidRDefault="00882666" w:rsidP="00614F6A">
            <w:pPr>
              <w:rPr>
                <w:rFonts w:ascii="標楷體" w:eastAsia="標楷體" w:hAnsi="標楷體"/>
                <w:color w:val="376092"/>
              </w:rPr>
            </w:pPr>
            <w:r w:rsidRPr="001C3F49">
              <w:rPr>
                <w:rFonts w:ascii="標楷體" w:eastAsia="標楷體" w:hAnsi="標楷體" w:hint="eastAsia"/>
                <w:color w:val="376092"/>
              </w:rPr>
              <w:t>控制器</w:t>
            </w:r>
          </w:p>
        </w:tc>
        <w:tc>
          <w:tcPr>
            <w:tcW w:w="41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882666" w:rsidRDefault="00882666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  <w:r>
              <w:rPr>
                <w:rFonts w:ascii="標楷體" w:eastAsia="標楷體" w:hAnsi="標楷體"/>
                <w:noProof/>
                <w:color w:val="1F497D"/>
              </w:rPr>
              <w:drawing>
                <wp:inline distT="0" distB="0" distL="0" distR="0" wp14:anchorId="5AAA5ACB" wp14:editId="546A05AC">
                  <wp:extent cx="2412481" cy="1809390"/>
                  <wp:effectExtent l="0" t="0" r="6985" b="635"/>
                  <wp:docPr id="5" name="圖片 5" descr="C:\Users\i0882\AppData\Local\Microsoft\Windows\Temporary Internet Files\Content.Outlook\X2M0C4MI\IMG_20210923_094032371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 descr="C:\Users\i0882\AppData\Local\Microsoft\Windows\Temporary Internet Files\Content.Outlook\X2M0C4MI\IMG_20210923_094032371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19730" cy="181482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82666" w:rsidTr="00882666">
        <w:trPr>
          <w:trHeight w:val="834"/>
        </w:trPr>
        <w:tc>
          <w:tcPr>
            <w:tcW w:w="4181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882666" w:rsidRPr="00882666" w:rsidRDefault="00C925ED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t>6.</w:t>
            </w:r>
            <w:r w:rsidR="00882666">
              <w:rPr>
                <w:rFonts w:ascii="標楷體" w:eastAsia="標楷體" w:hAnsi="標楷體" w:hint="eastAsia"/>
                <w:color w:val="376092"/>
              </w:rPr>
              <w:t>110-3</w:t>
            </w:r>
            <w:r w:rsidR="00882666" w:rsidRPr="00882666">
              <w:rPr>
                <w:rFonts w:ascii="標楷體" w:eastAsia="標楷體" w:hAnsi="標楷體" w:hint="eastAsia"/>
                <w:color w:val="376092"/>
              </w:rPr>
              <w:t>013704-0018-0000088</w:t>
            </w:r>
          </w:p>
          <w:p w:rsidR="00882666" w:rsidRPr="001C3F49" w:rsidRDefault="00882666" w:rsidP="00614F6A">
            <w:pPr>
              <w:rPr>
                <w:rFonts w:ascii="標楷體" w:eastAsia="標楷體" w:hAnsi="標楷體"/>
                <w:color w:val="376092"/>
              </w:rPr>
            </w:pPr>
            <w:r w:rsidRPr="001C3F49">
              <w:rPr>
                <w:rFonts w:ascii="標楷體" w:eastAsia="標楷體" w:hAnsi="標楷體" w:hint="eastAsia"/>
                <w:color w:val="376092"/>
              </w:rPr>
              <w:t>控制器/</w:t>
            </w:r>
            <w:proofErr w:type="gramStart"/>
            <w:r w:rsidRPr="001C3F49">
              <w:rPr>
                <w:rFonts w:ascii="標楷體" w:eastAsia="標楷體" w:hAnsi="標楷體" w:hint="eastAsia"/>
                <w:color w:val="376092"/>
              </w:rPr>
              <w:t>微步進</w:t>
            </w:r>
            <w:proofErr w:type="gramEnd"/>
            <w:r w:rsidRPr="001C3F49">
              <w:rPr>
                <w:rFonts w:ascii="標楷體" w:eastAsia="標楷體" w:hAnsi="標楷體" w:hint="eastAsia"/>
                <w:color w:val="376092"/>
              </w:rPr>
              <w:t>馬達控</w:t>
            </w:r>
          </w:p>
          <w:p w:rsidR="00882666" w:rsidRDefault="00882666" w:rsidP="00614F6A">
            <w:pPr>
              <w:rPr>
                <w:rFonts w:ascii="標楷體" w:eastAsia="標楷體" w:hAnsi="標楷體"/>
                <w:color w:val="376092"/>
              </w:rPr>
            </w:pPr>
            <w:r w:rsidRPr="001C3F49">
              <w:rPr>
                <w:rFonts w:ascii="標楷體" w:eastAsia="標楷體" w:hAnsi="標楷體" w:hint="eastAsia"/>
                <w:color w:val="376092"/>
              </w:rPr>
              <w:t>制器</w:t>
            </w:r>
          </w:p>
        </w:tc>
        <w:tc>
          <w:tcPr>
            <w:tcW w:w="41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882666" w:rsidRPr="002F5368" w:rsidRDefault="00882666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  <w:r>
              <w:rPr>
                <w:rFonts w:ascii="標楷體" w:eastAsia="標楷體" w:hAnsi="標楷體"/>
                <w:noProof/>
                <w:color w:val="1F497D"/>
              </w:rPr>
              <w:drawing>
                <wp:inline distT="0" distB="0" distL="0" distR="0" wp14:anchorId="2C9FCE28" wp14:editId="09B49546">
                  <wp:extent cx="2412439" cy="1809389"/>
                  <wp:effectExtent l="0" t="0" r="6985" b="635"/>
                  <wp:docPr id="6" name="圖片 6" descr="C:\Users\i0882\AppData\Local\Microsoft\Windows\Temporary Internet Files\Content.Outlook\X2M0C4MI\IMG_20210923_094334409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i0882\AppData\Local\Microsoft\Windows\Temporary Internet Files\Content.Outlook\X2M0C4MI\IMG_20210923_094334409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24196" cy="181820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882666" w:rsidRDefault="00882666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</w:p>
        </w:tc>
      </w:tr>
    </w:tbl>
    <w:p w:rsidR="00882666" w:rsidRDefault="00882666"/>
    <w:p w:rsidR="00882666" w:rsidRDefault="00882666">
      <w:pPr>
        <w:widowControl/>
      </w:pPr>
      <w:r>
        <w:br w:type="page"/>
      </w:r>
    </w:p>
    <w:tbl>
      <w:tblPr>
        <w:tblW w:w="0" w:type="auto"/>
        <w:tblInd w:w="240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190"/>
        <w:gridCol w:w="4092"/>
      </w:tblGrid>
      <w:tr w:rsidR="00372521" w:rsidTr="00C00B43">
        <w:trPr>
          <w:trHeight w:val="834"/>
        </w:trPr>
        <w:tc>
          <w:tcPr>
            <w:tcW w:w="419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372521" w:rsidRDefault="00C925ED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lastRenderedPageBreak/>
              <w:t>7.</w:t>
            </w:r>
            <w:r w:rsidR="00372521">
              <w:rPr>
                <w:rFonts w:ascii="標楷體" w:eastAsia="標楷體" w:hAnsi="標楷體" w:hint="eastAsia"/>
                <w:color w:val="376092"/>
              </w:rPr>
              <w:t>110-3070114-0227-0000005</w:t>
            </w:r>
          </w:p>
          <w:p w:rsidR="00372521" w:rsidRDefault="00372521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t>精密平台/XYZ測試平台</w:t>
            </w:r>
          </w:p>
        </w:tc>
        <w:tc>
          <w:tcPr>
            <w:tcW w:w="409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372521" w:rsidRPr="002F5368" w:rsidRDefault="00372521" w:rsidP="00614F6A">
            <w:pPr>
              <w:rPr>
                <w:rFonts w:ascii="標楷體" w:eastAsia="標楷體" w:hAnsi="標楷體"/>
                <w:color w:val="1F497D"/>
              </w:rPr>
            </w:pPr>
            <w:r>
              <w:rPr>
                <w:rFonts w:ascii="標楷體" w:eastAsia="標楷體" w:hAnsi="標楷體"/>
                <w:noProof/>
                <w:color w:val="1F497D"/>
              </w:rPr>
              <w:drawing>
                <wp:inline distT="0" distB="0" distL="0" distR="0" wp14:anchorId="778B9A77" wp14:editId="41B1D0B9">
                  <wp:extent cx="2449820" cy="1837426"/>
                  <wp:effectExtent l="0" t="0" r="8255" b="0"/>
                  <wp:docPr id="7" name="圖片 7" descr="C:\Users\i0882\AppData\Local\Microsoft\Windows\Temporary Internet Files\Content.Outlook\X2M0C4MI\IMG_20210923_091004667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 descr="C:\Users\i0882\AppData\Local\Microsoft\Windows\Temporary Internet Files\Content.Outlook\X2M0C4MI\IMG_20210923_091004667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59185" cy="18444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372521" w:rsidRDefault="00372521" w:rsidP="00614F6A">
            <w:pPr>
              <w:rPr>
                <w:rFonts w:ascii="標楷體" w:eastAsia="標楷體" w:hAnsi="標楷體"/>
                <w:color w:val="1F497D"/>
              </w:rPr>
            </w:pPr>
          </w:p>
        </w:tc>
      </w:tr>
      <w:tr w:rsidR="0072768F" w:rsidTr="00C00B43">
        <w:trPr>
          <w:trHeight w:val="834"/>
        </w:trPr>
        <w:tc>
          <w:tcPr>
            <w:tcW w:w="419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72768F" w:rsidRDefault="00C925ED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t>8.</w:t>
            </w:r>
            <w:r w:rsidR="0072768F">
              <w:rPr>
                <w:rFonts w:ascii="標楷體" w:eastAsia="標楷體" w:hAnsi="標楷體" w:hint="eastAsia"/>
                <w:color w:val="376092"/>
              </w:rPr>
              <w:t>110-3090102-0030-0000006</w:t>
            </w:r>
          </w:p>
          <w:p w:rsidR="0072768F" w:rsidRPr="001C3F49" w:rsidRDefault="0072768F" w:rsidP="00614F6A">
            <w:pPr>
              <w:rPr>
                <w:rFonts w:ascii="標楷體" w:eastAsia="標楷體" w:hAnsi="標楷體"/>
                <w:color w:val="376092"/>
              </w:rPr>
            </w:pPr>
            <w:proofErr w:type="gramStart"/>
            <w:r w:rsidRPr="001C3F49">
              <w:rPr>
                <w:rFonts w:ascii="標楷體" w:eastAsia="標楷體" w:hAnsi="標楷體" w:hint="eastAsia"/>
                <w:color w:val="376092"/>
              </w:rPr>
              <w:t>電槽試驗</w:t>
            </w:r>
            <w:proofErr w:type="gramEnd"/>
            <w:r w:rsidRPr="001C3F49">
              <w:rPr>
                <w:rFonts w:ascii="標楷體" w:eastAsia="標楷體" w:hAnsi="標楷體" w:hint="eastAsia"/>
                <w:color w:val="376092"/>
              </w:rPr>
              <w:t>夾具機/測試</w:t>
            </w:r>
          </w:p>
          <w:p w:rsidR="0072768F" w:rsidRDefault="0072768F" w:rsidP="00614F6A">
            <w:pPr>
              <w:rPr>
                <w:rFonts w:ascii="標楷體" w:eastAsia="標楷體" w:hAnsi="標楷體"/>
                <w:color w:val="376092"/>
              </w:rPr>
            </w:pPr>
            <w:r w:rsidRPr="001C3F49">
              <w:rPr>
                <w:rFonts w:ascii="標楷體" w:eastAsia="標楷體" w:hAnsi="標楷體" w:hint="eastAsia"/>
                <w:color w:val="376092"/>
              </w:rPr>
              <w:t>聚焦校正夾具</w:t>
            </w:r>
          </w:p>
        </w:tc>
        <w:tc>
          <w:tcPr>
            <w:tcW w:w="409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72768F" w:rsidRPr="002F5368" w:rsidRDefault="0072768F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  <w:r>
              <w:rPr>
                <w:rFonts w:ascii="標楷體" w:eastAsia="標楷體" w:hAnsi="標楷體"/>
                <w:noProof/>
                <w:color w:val="1F497D"/>
              </w:rPr>
              <w:drawing>
                <wp:inline distT="0" distB="0" distL="0" distR="0" wp14:anchorId="5DA12F08" wp14:editId="0B964058">
                  <wp:extent cx="2455569" cy="1841739"/>
                  <wp:effectExtent l="0" t="0" r="1905" b="6350"/>
                  <wp:docPr id="8" name="圖片 8" descr="C:\Users\i0882\AppData\Local\Microsoft\Windows\Temporary Internet Files\Content.Outlook\X2M0C4MI\IMG_20210923_091250408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" descr="C:\Users\i0882\AppData\Local\Microsoft\Windows\Temporary Internet Files\Content.Outlook\X2M0C4MI\IMG_20210923_091250408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68113" cy="185114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72768F" w:rsidRDefault="0072768F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</w:p>
        </w:tc>
      </w:tr>
      <w:tr w:rsidR="00B130D6" w:rsidTr="00C00B43">
        <w:trPr>
          <w:trHeight w:val="834"/>
        </w:trPr>
        <w:tc>
          <w:tcPr>
            <w:tcW w:w="419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B130D6" w:rsidRDefault="00C925ED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t>9.</w:t>
            </w:r>
            <w:r w:rsidR="00B130D6">
              <w:rPr>
                <w:rFonts w:ascii="標楷體" w:eastAsia="標楷體" w:hAnsi="標楷體" w:hint="eastAsia"/>
                <w:color w:val="376092"/>
              </w:rPr>
              <w:t>110-3090102-0030-0000009</w:t>
            </w:r>
          </w:p>
          <w:p w:rsidR="00B130D6" w:rsidRPr="001C3F49" w:rsidRDefault="00B130D6" w:rsidP="00614F6A">
            <w:pPr>
              <w:rPr>
                <w:rFonts w:ascii="標楷體" w:eastAsia="標楷體" w:hAnsi="標楷體"/>
                <w:color w:val="376092"/>
              </w:rPr>
            </w:pPr>
            <w:proofErr w:type="gramStart"/>
            <w:r w:rsidRPr="001C3F49">
              <w:rPr>
                <w:rFonts w:ascii="標楷體" w:eastAsia="標楷體" w:hAnsi="標楷體" w:hint="eastAsia"/>
                <w:color w:val="376092"/>
              </w:rPr>
              <w:t>電槽試驗</w:t>
            </w:r>
            <w:proofErr w:type="gramEnd"/>
            <w:r w:rsidRPr="001C3F49">
              <w:rPr>
                <w:rFonts w:ascii="標楷體" w:eastAsia="標楷體" w:hAnsi="標楷體" w:hint="eastAsia"/>
                <w:color w:val="376092"/>
              </w:rPr>
              <w:t>夾具機/測試</w:t>
            </w:r>
          </w:p>
          <w:p w:rsidR="00B130D6" w:rsidRDefault="00B130D6" w:rsidP="00614F6A">
            <w:pPr>
              <w:rPr>
                <w:rFonts w:ascii="標楷體" w:eastAsia="標楷體" w:hAnsi="標楷體"/>
                <w:color w:val="376092"/>
              </w:rPr>
            </w:pPr>
            <w:r w:rsidRPr="001C3F49">
              <w:rPr>
                <w:rFonts w:ascii="標楷體" w:eastAsia="標楷體" w:hAnsi="標楷體" w:hint="eastAsia"/>
                <w:color w:val="376092"/>
              </w:rPr>
              <w:t>聚焦校正夾具</w:t>
            </w:r>
          </w:p>
        </w:tc>
        <w:tc>
          <w:tcPr>
            <w:tcW w:w="409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B130D6" w:rsidRPr="002F5368" w:rsidRDefault="00B130D6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  <w:r>
              <w:rPr>
                <w:rFonts w:ascii="標楷體" w:eastAsia="標楷體" w:hAnsi="標楷體"/>
                <w:noProof/>
                <w:color w:val="1F497D"/>
              </w:rPr>
              <w:drawing>
                <wp:inline distT="0" distB="0" distL="0" distR="0" wp14:anchorId="1E2F1BCE" wp14:editId="104A6B48">
                  <wp:extent cx="2449814" cy="1837421"/>
                  <wp:effectExtent l="0" t="0" r="8255" b="0"/>
                  <wp:docPr id="9" name="圖片 9" descr="C:\Users\i0882\AppData\Local\Microsoft\Windows\Temporary Internet Files\Content.Outlook\X2M0C4MI\IMG_20210923_091305438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9" descr="C:\Users\i0882\AppData\Local\Microsoft\Windows\Temporary Internet Files\Content.Outlook\X2M0C4MI\IMG_20210923_091305438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56606" cy="184251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B130D6" w:rsidRDefault="00B130D6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</w:p>
        </w:tc>
      </w:tr>
      <w:tr w:rsidR="00B130D6" w:rsidTr="00C00B43">
        <w:trPr>
          <w:trHeight w:val="834"/>
        </w:trPr>
        <w:tc>
          <w:tcPr>
            <w:tcW w:w="419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B130D6" w:rsidRDefault="00C925ED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lastRenderedPageBreak/>
              <w:t>10.</w:t>
            </w:r>
            <w:r w:rsidR="00B130D6">
              <w:rPr>
                <w:rFonts w:ascii="標楷體" w:eastAsia="標楷體" w:hAnsi="標楷體" w:hint="eastAsia"/>
                <w:color w:val="376092"/>
              </w:rPr>
              <w:t>110-3100707-0006-0000002</w:t>
            </w:r>
          </w:p>
          <w:p w:rsidR="00B130D6" w:rsidRPr="001C3F49" w:rsidRDefault="00B130D6" w:rsidP="00614F6A">
            <w:pPr>
              <w:rPr>
                <w:rFonts w:ascii="標楷體" w:eastAsia="標楷體" w:hAnsi="標楷體"/>
                <w:color w:val="376092"/>
              </w:rPr>
            </w:pPr>
            <w:r w:rsidRPr="001C3F49">
              <w:rPr>
                <w:rFonts w:ascii="標楷體" w:eastAsia="標楷體" w:hAnsi="標楷體" w:hint="eastAsia"/>
                <w:color w:val="376092"/>
              </w:rPr>
              <w:t>感光記錄儀/鏡頭姿態</w:t>
            </w:r>
          </w:p>
          <w:p w:rsidR="00B130D6" w:rsidRDefault="00B130D6" w:rsidP="00614F6A">
            <w:pPr>
              <w:rPr>
                <w:rFonts w:ascii="標楷體" w:eastAsia="標楷體" w:hAnsi="標楷體"/>
                <w:color w:val="376092"/>
              </w:rPr>
            </w:pPr>
            <w:r w:rsidRPr="001C3F49">
              <w:rPr>
                <w:rFonts w:ascii="標楷體" w:eastAsia="標楷體" w:hAnsi="標楷體" w:hint="eastAsia"/>
                <w:color w:val="376092"/>
              </w:rPr>
              <w:t>調整模組</w:t>
            </w:r>
          </w:p>
        </w:tc>
        <w:tc>
          <w:tcPr>
            <w:tcW w:w="409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B130D6" w:rsidRPr="002F5368" w:rsidRDefault="00B130D6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  <w:r>
              <w:rPr>
                <w:rFonts w:ascii="標楷體" w:eastAsia="標楷體" w:hAnsi="標楷體"/>
                <w:noProof/>
                <w:color w:val="1F497D"/>
              </w:rPr>
              <w:drawing>
                <wp:inline distT="0" distB="0" distL="0" distR="0" wp14:anchorId="12025A8A" wp14:editId="7F580824">
                  <wp:extent cx="2461321" cy="1846053"/>
                  <wp:effectExtent l="0" t="0" r="0" b="1905"/>
                  <wp:docPr id="11" name="圖片 11" descr="C:\Users\i0882\AppData\Local\Microsoft\Windows\Temporary Internet Files\Content.Outlook\X2M0C4MI\IMG_20210923_09192216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1" descr="C:\Users\i0882\AppData\Local\Microsoft\Windows\Temporary Internet Files\Content.Outlook\X2M0C4MI\IMG_20210923_09192216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73719" cy="185535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B130D6" w:rsidRDefault="00B130D6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</w:p>
        </w:tc>
      </w:tr>
      <w:tr w:rsidR="00C00B43" w:rsidTr="00C00B43">
        <w:trPr>
          <w:trHeight w:val="834"/>
        </w:trPr>
        <w:tc>
          <w:tcPr>
            <w:tcW w:w="419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C00B43" w:rsidRDefault="00C925ED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t>11.</w:t>
            </w:r>
            <w:r w:rsidR="00C00B43">
              <w:rPr>
                <w:rFonts w:ascii="標楷體" w:eastAsia="標楷體" w:hAnsi="標楷體" w:hint="eastAsia"/>
                <w:color w:val="376092"/>
              </w:rPr>
              <w:t>110-3100708-0047-0000004</w:t>
            </w:r>
          </w:p>
          <w:p w:rsidR="00C00B43" w:rsidRDefault="00C00B43" w:rsidP="00614F6A">
            <w:pPr>
              <w:rPr>
                <w:rFonts w:ascii="標楷體" w:eastAsia="標楷體" w:hAnsi="標楷體"/>
                <w:color w:val="376092"/>
              </w:rPr>
            </w:pPr>
            <w:r w:rsidRPr="001C3F49">
              <w:rPr>
                <w:rFonts w:ascii="標楷體" w:eastAsia="標楷體" w:hAnsi="標楷體" w:hint="eastAsia"/>
                <w:color w:val="376092"/>
              </w:rPr>
              <w:t>光學台/</w:t>
            </w:r>
            <w:proofErr w:type="gramStart"/>
            <w:r w:rsidRPr="001C3F49">
              <w:rPr>
                <w:rFonts w:ascii="標楷體" w:eastAsia="標楷體" w:hAnsi="標楷體" w:hint="eastAsia"/>
                <w:color w:val="376092"/>
              </w:rPr>
              <w:t>光學桌板</w:t>
            </w:r>
            <w:proofErr w:type="gramEnd"/>
          </w:p>
        </w:tc>
        <w:tc>
          <w:tcPr>
            <w:tcW w:w="409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C00B43" w:rsidRPr="002F5368" w:rsidRDefault="00C00B43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  <w:r>
              <w:rPr>
                <w:rFonts w:ascii="標楷體" w:eastAsia="標楷體" w:hAnsi="標楷體"/>
                <w:noProof/>
                <w:color w:val="1F497D"/>
              </w:rPr>
              <w:drawing>
                <wp:inline distT="0" distB="0" distL="0" distR="0" wp14:anchorId="5B19A4B7" wp14:editId="01D0E33D">
                  <wp:extent cx="2458440" cy="1843891"/>
                  <wp:effectExtent l="0" t="0" r="0" b="4445"/>
                  <wp:docPr id="12" name="圖片 12" descr="C:\Users\i0882\AppData\Local\Microsoft\Windows\Temporary Internet Files\Content.Outlook\X2M0C4MI\IMG_20210923_091035486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" descr="C:\Users\i0882\AppData\Local\Microsoft\Windows\Temporary Internet Files\Content.Outlook\X2M0C4MI\IMG_20210923_091035486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64693" cy="184858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C00B43" w:rsidRDefault="00C00B43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</w:p>
        </w:tc>
      </w:tr>
      <w:tr w:rsidR="00C925ED" w:rsidTr="00C925ED">
        <w:trPr>
          <w:trHeight w:val="834"/>
        </w:trPr>
        <w:tc>
          <w:tcPr>
            <w:tcW w:w="419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C925ED" w:rsidRDefault="00C925ED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t>12.</w:t>
            </w:r>
            <w:bookmarkStart w:id="0" w:name="_GoBack"/>
            <w:bookmarkEnd w:id="0"/>
            <w:r>
              <w:rPr>
                <w:rFonts w:ascii="標楷體" w:eastAsia="標楷體" w:hAnsi="標楷體" w:hint="eastAsia"/>
                <w:color w:val="376092"/>
              </w:rPr>
              <w:t>110-3100708-0076-0000002</w:t>
            </w:r>
          </w:p>
          <w:p w:rsidR="00C925ED" w:rsidRDefault="00C925ED" w:rsidP="00614F6A">
            <w:pPr>
              <w:rPr>
                <w:rFonts w:ascii="標楷體" w:eastAsia="標楷體" w:hAnsi="標楷體"/>
                <w:color w:val="376092"/>
              </w:rPr>
            </w:pPr>
            <w:r>
              <w:rPr>
                <w:rFonts w:ascii="標楷體" w:eastAsia="標楷體" w:hAnsi="標楷體" w:hint="eastAsia"/>
                <w:color w:val="376092"/>
              </w:rPr>
              <w:t>可調變雷射光源/</w:t>
            </w:r>
            <w:r w:rsidRPr="00C925ED">
              <w:rPr>
                <w:rFonts w:ascii="標楷體" w:eastAsia="標楷體" w:hAnsi="標楷體" w:hint="eastAsia"/>
                <w:color w:val="376092"/>
              </w:rPr>
              <w:t>太陽能光源與檢測設備</w:t>
            </w:r>
          </w:p>
        </w:tc>
        <w:tc>
          <w:tcPr>
            <w:tcW w:w="409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C925ED" w:rsidRPr="002F5368" w:rsidRDefault="00C925ED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  <w:r>
              <w:rPr>
                <w:rFonts w:ascii="標楷體" w:eastAsia="標楷體" w:hAnsi="標楷體"/>
                <w:noProof/>
                <w:color w:val="1F497D"/>
              </w:rPr>
              <w:drawing>
                <wp:inline distT="0" distB="0" distL="0" distR="0" wp14:anchorId="416C8B02" wp14:editId="7C1DA676">
                  <wp:extent cx="2424022" cy="1818077"/>
                  <wp:effectExtent l="0" t="0" r="0" b="0"/>
                  <wp:docPr id="13" name="圖片 13" descr="C:\Users\i0882\AppData\Local\Microsoft\Windows\Temporary Internet Files\Content.Outlook\X2M0C4MI\IMG_20210923_09172788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3" descr="C:\Users\i0882\AppData\Local\Microsoft\Windows\Temporary Internet Files\Content.Outlook\X2M0C4MI\IMG_20210923_09172788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25019" cy="18188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C925ED" w:rsidRDefault="00C925ED" w:rsidP="00614F6A">
            <w:pPr>
              <w:rPr>
                <w:rFonts w:ascii="標楷體" w:eastAsia="標楷體" w:hAnsi="標楷體"/>
                <w:noProof/>
                <w:color w:val="1F497D"/>
              </w:rPr>
            </w:pPr>
          </w:p>
        </w:tc>
      </w:tr>
    </w:tbl>
    <w:p w:rsidR="00EC2A98" w:rsidRDefault="00EC2A98"/>
    <w:sectPr w:rsidR="00EC2A98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F37E4"/>
    <w:rsid w:val="000F37E4"/>
    <w:rsid w:val="00106AC9"/>
    <w:rsid w:val="002F7F90"/>
    <w:rsid w:val="00372521"/>
    <w:rsid w:val="004B65D5"/>
    <w:rsid w:val="00554591"/>
    <w:rsid w:val="0067038B"/>
    <w:rsid w:val="0071687F"/>
    <w:rsid w:val="0072768F"/>
    <w:rsid w:val="008367E0"/>
    <w:rsid w:val="00882666"/>
    <w:rsid w:val="008D7B39"/>
    <w:rsid w:val="008F2315"/>
    <w:rsid w:val="00A86FAF"/>
    <w:rsid w:val="00B130D6"/>
    <w:rsid w:val="00B45709"/>
    <w:rsid w:val="00BC479A"/>
    <w:rsid w:val="00C00B43"/>
    <w:rsid w:val="00C51AFF"/>
    <w:rsid w:val="00C925ED"/>
    <w:rsid w:val="00CA4DA1"/>
    <w:rsid w:val="00CE53AA"/>
    <w:rsid w:val="00D25D9D"/>
    <w:rsid w:val="00EC2A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jpeg"/><Relationship Id="rId13" Type="http://schemas.openxmlformats.org/officeDocument/2006/relationships/image" Target="media/image9.jpeg"/><Relationship Id="rId1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jpeg"/><Relationship Id="rId12" Type="http://schemas.openxmlformats.org/officeDocument/2006/relationships/image" Target="media/image8.jpeg"/><Relationship Id="rId17" Type="http://schemas.openxmlformats.org/officeDocument/2006/relationships/image" Target="media/image13.jpeg"/><Relationship Id="rId2" Type="http://schemas.microsoft.com/office/2007/relationships/stylesWithEffects" Target="stylesWithEffects.xml"/><Relationship Id="rId16" Type="http://schemas.openxmlformats.org/officeDocument/2006/relationships/image" Target="media/image12.jpeg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11" Type="http://schemas.openxmlformats.org/officeDocument/2006/relationships/image" Target="media/image7.jpeg"/><Relationship Id="rId5" Type="http://schemas.openxmlformats.org/officeDocument/2006/relationships/image" Target="media/image1.jpeg"/><Relationship Id="rId15" Type="http://schemas.openxmlformats.org/officeDocument/2006/relationships/image" Target="media/image11.jpeg"/><Relationship Id="rId10" Type="http://schemas.openxmlformats.org/officeDocument/2006/relationships/image" Target="media/image6.jpeg"/><Relationship Id="rId19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image" Target="media/image5.jpeg"/><Relationship Id="rId14" Type="http://schemas.openxmlformats.org/officeDocument/2006/relationships/image" Target="media/image10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9</TotalTime>
  <Pages>4</Pages>
  <Words>111</Words>
  <Characters>636</Characters>
  <Application>Microsoft Office Word</Application>
  <DocSecurity>0</DocSecurity>
  <Lines>5</Lines>
  <Paragraphs>1</Paragraphs>
  <ScaleCrop>false</ScaleCrop>
  <Company/>
  <LinksUpToDate>false</LinksUpToDate>
  <CharactersWithSpaces>74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黃宏承</cp:lastModifiedBy>
  <cp:revision>9</cp:revision>
  <dcterms:created xsi:type="dcterms:W3CDTF">2021-09-24T00:47:00Z</dcterms:created>
  <dcterms:modified xsi:type="dcterms:W3CDTF">2021-09-24T01:08:00Z</dcterms:modified>
</cp:coreProperties>
</file>